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62112" w:rsidRDefault="005C6CB7">
      <w:bookmarkStart w:id="0" w:name="_GoBack"/>
      <w:r>
        <w:rPr>
          <w:noProof/>
        </w:rPr>
        <w:drawing>
          <wp:inline distT="0" distB="0" distL="0" distR="0">
            <wp:extent cx="5267325" cy="5219700"/>
            <wp:effectExtent l="0" t="0" r="9525" b="0"/>
            <wp:docPr id="1" name="圖片 1" descr="C:\Users\i1170\Desktop\IMG_125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170\Desktop\IMG_125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67325" cy="5219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sectPr w:rsidR="00D62112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grammar="clean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5C6CB7"/>
    <w:rsid w:val="005C6CB7"/>
    <w:rsid w:val="00D6211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5C6CB7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5C6CB7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5C6CB7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5C6CB7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0</Words>
  <Characters>1</Characters>
  <Application>Microsoft Office Word</Application>
  <DocSecurity>0</DocSecurity>
  <Lines>1</Lines>
  <Paragraphs>1</Paragraphs>
  <ScaleCrop>false</ScaleCrop>
  <Company/>
  <LinksUpToDate>false</LinksUpToDate>
  <CharactersWithSpaces>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黃婉婷</dc:creator>
  <cp:lastModifiedBy>黃婉婷</cp:lastModifiedBy>
  <cp:revision>1</cp:revision>
  <dcterms:created xsi:type="dcterms:W3CDTF">2016-09-12T07:01:00Z</dcterms:created>
  <dcterms:modified xsi:type="dcterms:W3CDTF">2016-09-12T07:02:00Z</dcterms:modified>
</cp:coreProperties>
</file>